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22"/>
  </p:sldMasterIdLst>
  <p:notesMasterIdLst>
    <p:notesMasterId r:id="rId29"/>
  </p:notesMasterIdLst>
  <p:handoutMasterIdLst>
    <p:handoutMasterId r:id="rId30"/>
  </p:handoutMasterIdLst>
  <p:sldIdLst>
    <p:sldId id="261" r:id="rId23"/>
    <p:sldId id="266" r:id="rId24"/>
    <p:sldId id="270" r:id="rId25"/>
    <p:sldId id="271" r:id="rId26"/>
    <p:sldId id="272" r:id="rId27"/>
    <p:sldId id="263" r:id="rId28"/>
  </p:sldIdLst>
  <p:sldSz cx="12192000" cy="6858000"/>
  <p:notesSz cx="6858000" cy="9144000"/>
  <p:embeddedFontLst>
    <p:embeddedFont>
      <p:font typeface="ABBvoice" panose="020D0603020503020204" pitchFamily="34" charset="0"/>
      <p:regular r:id="rId31"/>
      <p:bold r:id="rId32"/>
    </p:embeddedFont>
    <p:embeddedFont>
      <p:font typeface="ABBvoice Display SemiBold" panose="020D0704020603060204" pitchFamily="34" charset="0"/>
      <p:regular r:id="rId33"/>
      <p:bold r:id="rId34"/>
    </p:embeddedFont>
    <p:embeddedFont>
      <p:font typeface="ABBvoice Light" panose="020D0403020503020204" pitchFamily="34" charset="0"/>
      <p:regular r:id="rId35"/>
    </p:embeddedFont>
    <p:embeddedFont>
      <p:font typeface="Verdana" panose="020B0604030504040204" pitchFamily="34" charset="0"/>
      <p:regular r:id="rId36"/>
      <p:bold r:id="rId37"/>
      <p:italic r:id="rId38"/>
      <p:boldItalic r:id="rId39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0909"/>
    <a:srgbClr val="FFFFFF"/>
    <a:srgbClr val="F9F9FA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2597" autoAdjust="0"/>
    <p:restoredTop sz="94589" autoAdjust="0"/>
  </p:normalViewPr>
  <p:slideViewPr>
    <p:cSldViewPr snapToGrid="0" snapToObjects="1" showGuides="1">
      <p:cViewPr varScale="1">
        <p:scale>
          <a:sx n="113" d="100"/>
          <a:sy n="113" d="100"/>
        </p:scale>
        <p:origin x="200" y="328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6" d="100"/>
          <a:sy n="96" d="100"/>
        </p:scale>
        <p:origin x="3120" y="176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4.xml"/><Relationship Id="rId39" Type="http://schemas.openxmlformats.org/officeDocument/2006/relationships/font" Target="fonts/font9.fntdata"/><Relationship Id="rId21" Type="http://schemas.openxmlformats.org/officeDocument/2006/relationships/customXml" Target="../customXml/item21.xml"/><Relationship Id="rId34" Type="http://schemas.openxmlformats.org/officeDocument/2006/relationships/font" Target="fonts/font4.fntdata"/><Relationship Id="rId42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notesMaster" Target="notesMasters/notesMaster1.xml"/><Relationship Id="rId41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2.xml"/><Relationship Id="rId32" Type="http://schemas.openxmlformats.org/officeDocument/2006/relationships/font" Target="fonts/font2.fntdata"/><Relationship Id="rId37" Type="http://schemas.openxmlformats.org/officeDocument/2006/relationships/font" Target="fonts/font7.fntdata"/><Relationship Id="rId40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1.xml"/><Relationship Id="rId28" Type="http://schemas.openxmlformats.org/officeDocument/2006/relationships/slide" Target="slides/slide6.xml"/><Relationship Id="rId36" Type="http://schemas.openxmlformats.org/officeDocument/2006/relationships/font" Target="fonts/font6.fntdata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font" Target="fonts/font1.fntdata"/><Relationship Id="rId44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Master" Target="slideMasters/slideMaster1.xml"/><Relationship Id="rId27" Type="http://schemas.openxmlformats.org/officeDocument/2006/relationships/slide" Target="slides/slide5.xml"/><Relationship Id="rId30" Type="http://schemas.openxmlformats.org/officeDocument/2006/relationships/handoutMaster" Target="handoutMasters/handoutMaster1.xml"/><Relationship Id="rId35" Type="http://schemas.openxmlformats.org/officeDocument/2006/relationships/font" Target="fonts/font5.fntdata"/><Relationship Id="rId43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3.xml"/><Relationship Id="rId33" Type="http://schemas.openxmlformats.org/officeDocument/2006/relationships/font" Target="fonts/font3.fntdata"/><Relationship Id="rId38" Type="http://schemas.openxmlformats.org/officeDocument/2006/relationships/font" Target="fonts/font8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7/20/26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7/20/26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svg"/><Relationship Id="rId4" Type="http://schemas.openxmlformats.org/officeDocument/2006/relationships/image" Target="../media/image4.sv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7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0.svg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sv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5.svg"/><Relationship Id="rId1" Type="http://schemas.openxmlformats.org/officeDocument/2006/relationships/slideMaster" Target="../slideMasters/slideMaster1.xml"/></Relationships>
</file>

<file path=ppt/slideLayouts/_rels/slideLayout7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3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3B25342-E713-0247-2E3D-6C43E595B6A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4261104"/>
            <a:ext cx="12192000" cy="2596896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bg1"/>
              </a:solidFill>
            </a:endParaRPr>
          </a:p>
        </p:txBody>
      </p:sp>
      <p:pic>
        <p:nvPicPr>
          <p:cNvPr id="2018114914" name="Classification" descr="{&quot;templafy&quot;:{&quot;id&quot;:&quot;51a7990e-0617-47e1-bdc3-c01c434f8e7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7" name="Logo">
            <a:extLst>
              <a:ext uri="{FF2B5EF4-FFF2-40B4-BE49-F238E27FC236}">
                <a16:creationId xmlns:a16="http://schemas.microsoft.com/office/drawing/2014/main" id="{5212E275-7406-B8D1-A3C9-6100BA581651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9" name="Tag line">
            <a:extLst>
              <a:ext uri="{FF2B5EF4-FFF2-40B4-BE49-F238E27FC236}">
                <a16:creationId xmlns:a16="http://schemas.microsoft.com/office/drawing/2014/main" id="{957191C3-087F-C04A-0DEB-B043188A2D13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20" name="Title 1">
            <a:extLst>
              <a:ext uri="{FF2B5EF4-FFF2-40B4-BE49-F238E27FC236}">
                <a16:creationId xmlns:a16="http://schemas.microsoft.com/office/drawing/2014/main" id="{1D4B8532-33AB-815E-60F0-4048F3950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49734"/>
          </a:xfrm>
        </p:spPr>
        <p:txBody>
          <a:bodyPr anchor="t"/>
          <a:lstStyle>
            <a:lvl1pPr>
              <a:defRPr sz="44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4A9EAF23-A18E-5305-C224-E60978BAA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2" name="Text Placeholder 3">
            <a:extLst>
              <a:ext uri="{FF2B5EF4-FFF2-40B4-BE49-F238E27FC236}">
                <a16:creationId xmlns:a16="http://schemas.microsoft.com/office/drawing/2014/main" id="{FF1B3666-7D82-4C1B-225F-70F5B52B18C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B0FE8A97-11DB-C7EF-2E09-C6F5E1633F3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F1C8B5C-2BF4-6B72-623D-D14711843D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D5F78710-5E2C-BCFC-D2F1-6DF70214B6D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565850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BF9B62AB-E854-71C6-C5A9-A27533FD8D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BF06A84B-7C22-8EF6-F38C-3C8D01CE323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185327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B3A0906-D146-BDC5-89B6-88508FC8D3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4E86F98-FCAD-1DE9-7F95-EC4306D059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9813996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9B4A4D-1354-8C4B-6BBC-1A0D0A6042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996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37DDAB-FDB1-0870-8E88-BD41926CE6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7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993670-14A9-0A35-D2EB-D8230A73A15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D993D9-3FD1-276A-24E9-827A98823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2B506773-0860-DE49-4BCC-8C4BB064721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9AA1B98B-00B9-1C2F-0ACD-646A350F868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5E5A046C-2F74-6EED-D763-FB4F9E3C1E6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029E88C-D487-6109-BE97-8E404D9E47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543002A-12FE-3269-8E83-DD69A9972C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656888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53D5360-8363-8ED8-05E8-12473FE7A3C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pic>
        <p:nvPicPr>
          <p:cNvPr id="7" name="Logo">
            <a:extLst>
              <a:ext uri="{FF2B5EF4-FFF2-40B4-BE49-F238E27FC236}">
                <a16:creationId xmlns:a16="http://schemas.microsoft.com/office/drawing/2014/main" id="{0027E721-31E7-996C-F978-886B4B709D6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8" name="Tag line">
            <a:extLst>
              <a:ext uri="{FF2B5EF4-FFF2-40B4-BE49-F238E27FC236}">
                <a16:creationId xmlns:a16="http://schemas.microsoft.com/office/drawing/2014/main" id="{21F201A0-96B6-099C-6016-FCAFD5EED39C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8408343" name="Classification" descr="{&quot;templafy&quot;:{&quot;id&quot;:&quot;98add2e7-b44b-4b78-a5be-82418480270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BE9196FA-4AF2-902A-F9E6-9A8F8415A8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50000"/>
          </a:xfrm>
        </p:spPr>
        <p:txBody>
          <a:bodyPr anchor="t"/>
          <a:lstStyle>
            <a:lvl1pPr>
              <a:defRPr sz="44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F231D8D-58FA-38D6-FE7A-AC0DB206A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1C46D0ED-54C5-7C53-5626-D26488E61F1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754120-D971-3AE6-6184-628DB4A4CC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7540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BA6DF-295B-14B9-E598-D783D2FDD9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76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EB5EAF-AC8A-3E99-A635-DD95C6E7503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DCAB48-A3C0-27C0-2979-71DFA66ED3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DAAEA1C8-F527-5F56-6EA0-FE61BD8161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50750D05-724E-4685-1127-ED2D71D3660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6777FA2A-A376-8418-9C6E-5B73CDF0468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D90514E6-1C08-3FA0-001E-15C4C5E61C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A62750D-C328-22C2-EE8C-68F88FCF83A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20075507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7E737-3D4F-5001-BE47-2E5EE1893A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948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FBBFBE-6C8C-3F82-2098-7B9EB184A6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68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EAE9F0A-BE3C-4FC1-7380-C833A79368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058BC2-8858-4D7B-4055-E3D5179F32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49C02E9-0CB5-9793-D210-245428FE3CD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BA71D45E-2E45-D97E-27A8-AB1B39830D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BB70E94D-1F79-0E6A-FB1A-B1CEBC50C943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4EDC01B-D6CD-CDE1-0DFF-5223EED957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9A36F85-2F69-5B91-5518-1F0F9885380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BE9534-FB13-A9AE-FE58-9C4A964A65F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188091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2C398B-D021-7FA7-9C63-8A20EEFB2B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1165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8D6622-0569-1373-8513-A84EE6BD9A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0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890ED-22EA-F340-5D69-C4482F8F5A7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39646E-C2FB-1D0B-85AB-E420ACDD55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A2FAFDC-E066-B77E-12C1-F5C9CB38605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DD8565C4-8F2E-0139-9897-109BEE274160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705BDDFA-0DC1-F1AB-FDCC-0D5F3506297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F491B36-CB8B-04C1-6BE0-F0784E027C8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8EC902F4-236E-9EB9-D886-80FFA518400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9533D15F-82ED-36DB-9A8B-4919A07A7BF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6C5DBD-3D8A-1946-1744-DC8042EC861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836815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98931260" name="Classification" descr="{&quot;templafy&quot;:{&quot;id&quot;:&quot;c5357a13-7645-488b-b696-5bfad93946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July 20, 2026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6205538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65362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65951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965362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6965362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6681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 (dark photo)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 11">
            <a:extLst>
              <a:ext uri="{FF2B5EF4-FFF2-40B4-BE49-F238E27FC236}">
                <a16:creationId xmlns:a16="http://schemas.microsoft.com/office/drawing/2014/main" id="{4BDB11D5-AA3D-1093-4BBC-A8F3726D4BFB}"/>
              </a:ext>
            </a:extLst>
          </p:cNvPr>
          <p:cNvSpPr/>
          <p:nvPr userDrawn="1"/>
        </p:nvSpPr>
        <p:spPr bwMode="gray">
          <a:xfrm flipV="1">
            <a:off x="0" y="4577977"/>
            <a:ext cx="12192000" cy="2315025"/>
          </a:xfrm>
          <a:prstGeom prst="rect">
            <a:avLst/>
          </a:prstGeom>
          <a:gradFill flip="none" rotWithShape="1">
            <a:gsLst>
              <a:gs pos="0">
                <a:srgbClr val="090909">
                  <a:alpha val="74000"/>
                </a:srgbClr>
              </a:gs>
              <a:gs pos="97000">
                <a:schemeClr val="accent1">
                  <a:lumMod val="70000"/>
                  <a:alpha val="0"/>
                </a:schemeClr>
              </a:gs>
            </a:gsLst>
            <a:lin ang="5400000" scaled="0"/>
            <a:tileRect/>
          </a:gra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2078294497" name="Classification" descr="{&quot;templafy&quot;:{&quot;id&quot;:&quot;a28be3ed-fc2d-41dd-b85e-4049d5bcc57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F2BFD6D9-7CC9-04DE-B96D-15D2BDDBCA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0146E08-A8C9-A8CF-28EC-AA03887F0FC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5B166A2-5329-1315-4496-5FE31CD1E69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BD510BD-93B4-BDDF-0E84-0627027FE18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4246563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0150" y="691200"/>
            <a:ext cx="685165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10975" y="1057498"/>
            <a:ext cx="685082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010150" y="1929600"/>
            <a:ext cx="6851650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501015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6947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BFAC61-1279-7B60-CECC-86A719FA5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ECBC9-7903-0325-4714-B64BC595A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448B956-DC0E-0B78-5410-11E0E2F220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618CCB-2103-080F-B675-E4C472681C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F52BB6-D70A-2B2C-B861-43846E0384C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22007A1-F280-15BD-766A-2A8B68C6C1A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CB15DC7C-95AF-DF77-404F-4AAA9568B80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4679F60-C64F-3014-8490-313B90245B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00E1C5C4-2E56-4FDF-430C-4D4CD25E1AC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996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93467-31B0-B26B-0A69-CEE1BBF92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C68DB0D-B0C8-A70B-9EA0-CF87F7D006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DF54DE3-2E20-4DE8-B5E1-349CFC50CC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C146C5-EFC9-3F84-BAA9-A0D23F6E67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992CDA1E-EA55-E4C2-CB79-AD61C1E3602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F169E811-1A99-80DE-40CA-0E49ABE034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16F5BAA-6C08-E976-9914-2635E3C044BF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AA22A5E-5748-150B-DB95-169F64379E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35323466-C553-6238-DD1B-476EDA1F5D7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22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AC835-87D6-25C6-1C0C-B16378EA1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0FB9F6-057D-DEAE-3326-D871FC4C73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13111F-1867-8F94-C54C-C14750D902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82FC2B-518F-F076-7481-C19EFDFB1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7C1678-5BCA-4DC1-8A51-3AEFECC5B0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7A71E51-260F-C225-0141-1C78748CA3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5B4FFFA6-62DB-C634-46E8-2BBE78F1FE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9B2024F1-6D5D-1D1C-1DDB-77BCBA748A23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10259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7B29AAA6-A1F6-490A-1EFC-6B447EB1762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32CCBB1-04BD-FE31-F06D-102B92D55F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86D38F8-004F-7DCE-C310-B4E7FCA060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AE2F316-0016-9697-4E87-5EDF2C8F03B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4BA63496-C2A8-94B3-DF70-7124A3FF500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2" name="Tag line">
            <a:extLst>
              <a:ext uri="{FF2B5EF4-FFF2-40B4-BE49-F238E27FC236}">
                <a16:creationId xmlns:a16="http://schemas.microsoft.com/office/drawing/2014/main" id="{F7F21CC0-8031-7C43-8705-86240000D027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90523424" name="Classification" descr="{&quot;templafy&quot;:{&quot;id&quot;:&quot;f53e9e96-a2af-4c04-a977-4781537d9b4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39901-3878-567C-6F7B-62F568F5E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465E89-325E-25CE-C35D-AD7B0E2BA75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7C8C55-BF0B-AB3A-01C9-D37FA0AC0D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C8C4A6-E706-08CD-E591-31C776881C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C3656E4-F3AA-6EE7-E3C0-CE78B0D5C66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9E0BF222-DE36-6B8E-3ADD-DE5450E802B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6090B701-78C3-C044-E7EC-1B49E3C301E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69BCFFDA-C3AF-2E7B-90ED-9900D4167C3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53B80110-9520-18FD-D36C-C9B976C745B5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8840A287-AA7C-1164-424E-57005EFA7C0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35AC138-46EC-3DA3-0F28-7B8889071F0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581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17E946-8B12-F6C2-90DD-0AEB05863D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3F8FD4-F79F-BBCE-CDA8-C0C6B8FBE1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06FA28-409D-CEEB-7D91-FE5023B00E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D96B3-34E7-65FF-456D-F32ACD9B16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851678F-D8EB-2069-FF1C-22C7776FEE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18DF5F0-616C-E1B2-F94F-A3892597809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E7CDFFF-4EB0-0A69-7997-7829DEA74BA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D38B606-5A94-1DF8-F564-D4E7BF675A2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92CFE117-420C-7B9E-ED0C-7CB8F24829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C2C40EB7-4527-3CFA-2B47-3BD797257D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1BA7AFC-A49F-988B-82B3-3E768ED02F6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1725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F291C9-4F13-1C53-0D29-8B4F95EDF8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0F5A4D-86A4-3B8B-569A-BCFEABBBD5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4DC91-C253-039A-84E0-3DF9179026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4ECE1D-AD44-4D18-1B8E-9B3643EE0A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61CBEA37-4E6C-886E-5284-5170A3A140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81BE5845-D81D-D5A2-A0EC-9224C116F9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6E0DDC-217A-6FF3-673A-BC0CBA8574F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0E6E7E98-2D75-359B-6735-0541241142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685FBAA7-7315-D4AF-B4A4-84A3EA1B568A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2482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6CA75-11C8-11F4-38F3-2C08D8F37B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BCDB1A9-1F11-3834-3CC5-115B9C807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FD58C4-DCD9-0E66-56A1-CE6ED3EA64C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A99120-C446-1A6A-CBBD-494AB01039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5108448B-C67F-F2DF-30B4-B614122A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71C9BBEE-C553-7B7B-8BCE-CE52618EAF0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A2C65CF7-B7D3-2FC8-2500-FC061D5127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32003C22-01A2-AB04-5FD8-C5EC97EE35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5359350-17C7-BFC0-8597-500F5190AEE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5994943-1F91-799B-85DE-A327AF72E39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68FD9CCE-E850-F96A-DF0A-E3B3E6489BC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C433D109-B376-AD18-00A5-771EE1A4FE29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FAE2697-9921-CE23-3B66-375A974D4E68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1636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6B2EA-4B3F-F123-A5EA-87BE556C1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094FE1-D6F0-664C-1D81-7E6AE61562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4F52C3-F04E-0FA2-F081-B85C7B5FD6A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87B60B-6009-E3A0-F457-0952015A79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795F8BFE-B93A-7D96-5C59-3238335009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5AC289A9-61FF-919C-A713-D96BEEF20F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8703759B-37D5-9836-B8D4-7FAF1C471801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419DF3DA-499C-CD92-64F9-D0F143511B8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3DA574A4-7D8E-8CD5-863A-D1DD360E2A2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6D82625-D560-1802-3C1E-8DAFEA0ACC6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64D5035-9BCE-CFCE-AD2E-00B8AA8ACAA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21761756-C013-C4EE-F768-37ECCBD621F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5BFCC3D5-8804-66D5-4DB5-132AD07EBE7E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5104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9158D2-BF02-6D8B-2657-4F55E807A0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6BEC0D6-C6CD-BB72-C1C4-E1ADE6242C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7CBE13-14D5-CB74-CC1E-C80A25B02F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74D404-DD89-52F0-D4F0-7F32CBF141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C8615787-F3A0-0D1E-1BE7-5F204902FB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E5107EE-359F-C30C-11D7-75EB465A994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F7498406-CA9D-4715-8256-91CC499394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57DC084-6F55-89FB-825F-1C007616A4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A655AB4A-A301-3405-82C2-A760925DD14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50C040CA-2BE0-9525-9398-7E45552B40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6010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11295557" name="Classification" descr="{&quot;templafy&quot;:{&quot;id&quot;:&quot;f9b957dd-4e8c-4632-98d7-ed1d09f1e6b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E830A1BB-93D2-83E6-5E0F-A2EB11913C1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510514A-B508-6FBD-95BC-27F50F5F7C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18287956-228E-9217-B1A8-22A42BB962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13D1C327-FC2E-1D32-7B54-A5257759E04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EB06A3-B60B-5E8B-65ED-9B854D97745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5" name="Tag line">
            <a:extLst>
              <a:ext uri="{FF2B5EF4-FFF2-40B4-BE49-F238E27FC236}">
                <a16:creationId xmlns:a16="http://schemas.microsoft.com/office/drawing/2014/main" id="{AA4179DF-8B56-C9BC-1094-3EFFC44DA82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004C4D90-813B-7EA2-63F0-A808049E0C05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6FCFEBF6-8F43-D15A-C8AE-9705235623A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 bwMode="gray">
          <a:xfrm>
            <a:off x="331200" y="513212"/>
            <a:ext cx="304800" cy="37186"/>
          </a:xfrm>
          <a:custGeom>
            <a:avLst/>
            <a:gdLst>
              <a:gd name="connsiteX0" fmla="*/ 0 w 304800"/>
              <a:gd name="connsiteY0" fmla="*/ 0 h 37186"/>
              <a:gd name="connsiteX1" fmla="*/ 304800 w 304800"/>
              <a:gd name="connsiteY1" fmla="*/ 0 h 37186"/>
              <a:gd name="connsiteX2" fmla="*/ 304800 w 304800"/>
              <a:gd name="connsiteY2" fmla="*/ 37186 h 37186"/>
              <a:gd name="connsiteX3" fmla="*/ 0 w 304800"/>
              <a:gd name="connsiteY3" fmla="*/ 37186 h 371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4800" h="37186">
                <a:moveTo>
                  <a:pt x="0" y="0"/>
                </a:moveTo>
                <a:lnTo>
                  <a:pt x="304800" y="0"/>
                </a:lnTo>
                <a:lnTo>
                  <a:pt x="304800" y="37186"/>
                </a:lnTo>
                <a:lnTo>
                  <a:pt x="0" y="37186"/>
                </a:lnTo>
                <a:close/>
              </a:path>
            </a:pathLst>
          </a:custGeom>
          <a:solidFill>
            <a:schemeClr val="bg2"/>
          </a:solidFill>
          <a:ln w="6350">
            <a:noFill/>
            <a:miter lim="800000"/>
          </a:ln>
        </p:spPr>
        <p:txBody>
          <a:bodyPr wrap="square" lIns="0" tIns="0" rIns="0" bIns="0">
            <a:noAutofit/>
          </a:bodyPr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91410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EAA09D2E-D7D5-FBB9-4B87-CC6CD2E49D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60E2C2D2-B7EB-2053-0B06-8BC75B8E412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5F8B3F-EE2C-9020-E1E7-B0365650AB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2946400"/>
            <a:ext cx="8594771" cy="2246999"/>
          </a:xfrm>
        </p:spPr>
        <p:txBody>
          <a:bodyPr anchor="b"/>
          <a:lstStyle>
            <a:lvl1pPr>
              <a:defRPr sz="6000" b="0" cap="all" baseline="0">
                <a:latin typeface="ABBvoice Display SemiBold" panose="020D0704020603060204" pitchFamily="34" charset="0"/>
                <a:cs typeface="ABBvoice Display Beta SemiBold" panose="020D0704020603060204" pitchFamily="34" charset="0"/>
              </a:defRPr>
            </a:lvl1pPr>
          </a:lstStyle>
          <a:p>
            <a:r>
              <a:rPr lang="en-US" dirty="0"/>
              <a:t>Big caption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4273CE9-8AEE-AD06-CBD8-70F010A7D6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BC6633-994B-77A9-AC8E-3EB4747035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2888C2-6D99-9F06-53FC-4B7B33F4CF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20519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 cap="all" baseline="0">
                <a:latin typeface="ABBvoice Display SemiBold" panose="020D0704020603060204" pitchFamily="34" charset="0"/>
                <a:ea typeface="ABBvoice Light" panose="020D0403020503020204" pitchFamily="34" charset="0"/>
                <a:cs typeface="ABBvoice Display Beta SemiBold" panose="020D070402060306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5AEB427-FB8B-FC30-58E4-396214CEB71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78DE0D1-FC76-CA62-6E66-A111968AA3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9" name="Text Placeholder 10">
            <a:extLst>
              <a:ext uri="{FF2B5EF4-FFF2-40B4-BE49-F238E27FC236}">
                <a16:creationId xmlns:a16="http://schemas.microsoft.com/office/drawing/2014/main" id="{EE832AA2-03A2-E191-75A1-F8C19050D47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3E5CE7EF-73C3-CAE2-B471-EE2DA64E7F4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Tag line">
            <a:extLst>
              <a:ext uri="{FF2B5EF4-FFF2-40B4-BE49-F238E27FC236}">
                <a16:creationId xmlns:a16="http://schemas.microsoft.com/office/drawing/2014/main" id="{6B3816BE-27EB-D6FA-366D-A467FA34B96A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B04CEB8C-9FB2-7FEF-DEA7-50BB992EC21A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9ADE4CC-155D-8DBE-55E3-24F0D81916F0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3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694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July 20, 2026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747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slideLayout" Target="../slideLayouts/slideLayout66.xml"/><Relationship Id="rId74" Type="http://schemas.openxmlformats.org/officeDocument/2006/relationships/slideLayout" Target="../slideLayouts/slideLayout74.xml"/><Relationship Id="rId79" Type="http://schemas.openxmlformats.org/officeDocument/2006/relationships/image" Target="../media/image1.svg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79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</a:p>
        </p:txBody>
      </p:sp>
      <p:sp>
        <p:nvSpPr>
          <p:cNvPr id="8" name="Date dynamic" descr="{&quot;templafy&quot;:{&quot;id&quot;:&quot;6325b20f-bd70-4691-ba75-2114ff414d3f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711" r:id="rId8"/>
    <p:sldLayoutId id="2147483712" r:id="rId9"/>
    <p:sldLayoutId id="2147483713" r:id="rId10"/>
    <p:sldLayoutId id="2147483714" r:id="rId11"/>
    <p:sldLayoutId id="2147483715" r:id="rId12"/>
    <p:sldLayoutId id="2147483654" r:id="rId13"/>
    <p:sldLayoutId id="2147483698" r:id="rId14"/>
    <p:sldLayoutId id="2147483655" r:id="rId15"/>
    <p:sldLayoutId id="2147483705" r:id="rId16"/>
    <p:sldLayoutId id="2147483716" r:id="rId17"/>
    <p:sldLayoutId id="2147483656" r:id="rId18"/>
    <p:sldLayoutId id="2147483706" r:id="rId19"/>
    <p:sldLayoutId id="2147483717" r:id="rId20"/>
    <p:sldLayoutId id="2147483657" r:id="rId21"/>
    <p:sldLayoutId id="2147483707" r:id="rId22"/>
    <p:sldLayoutId id="2147483718" r:id="rId23"/>
    <p:sldLayoutId id="2147483658" r:id="rId24"/>
    <p:sldLayoutId id="2147483708" r:id="rId25"/>
    <p:sldLayoutId id="2147483661" r:id="rId26"/>
    <p:sldLayoutId id="2147483662" r:id="rId27"/>
    <p:sldLayoutId id="2147483719" r:id="rId28"/>
    <p:sldLayoutId id="2147483659" r:id="rId29"/>
    <p:sldLayoutId id="2147483660" r:id="rId30"/>
    <p:sldLayoutId id="2147483663" r:id="rId31"/>
    <p:sldLayoutId id="2147483664" r:id="rId32"/>
    <p:sldLayoutId id="2147483665" r:id="rId33"/>
    <p:sldLayoutId id="2147483666" r:id="rId34"/>
    <p:sldLayoutId id="2147483668" r:id="rId35"/>
    <p:sldLayoutId id="2147483670" r:id="rId36"/>
    <p:sldLayoutId id="2147483671" r:id="rId37"/>
    <p:sldLayoutId id="2147483669" r:id="rId38"/>
    <p:sldLayoutId id="2147483731" r:id="rId39"/>
    <p:sldLayoutId id="2147483732" r:id="rId40"/>
    <p:sldLayoutId id="2147483672" r:id="rId41"/>
    <p:sldLayoutId id="2147483673" r:id="rId42"/>
    <p:sldLayoutId id="2147483694" r:id="rId43"/>
    <p:sldLayoutId id="2147483674" r:id="rId44"/>
    <p:sldLayoutId id="2147483675" r:id="rId45"/>
    <p:sldLayoutId id="2147483720" r:id="rId46"/>
    <p:sldLayoutId id="2147483721" r:id="rId47"/>
    <p:sldLayoutId id="2147483722" r:id="rId48"/>
    <p:sldLayoutId id="2147483676" r:id="rId49"/>
    <p:sldLayoutId id="2147483723" r:id="rId50"/>
    <p:sldLayoutId id="2147483724" r:id="rId51"/>
    <p:sldLayoutId id="2147483725" r:id="rId52"/>
    <p:sldLayoutId id="2147483677" r:id="rId53"/>
    <p:sldLayoutId id="2147483726" r:id="rId54"/>
    <p:sldLayoutId id="2147483727" r:id="rId55"/>
    <p:sldLayoutId id="2147483728" r:id="rId56"/>
    <p:sldLayoutId id="2147483678" r:id="rId57"/>
    <p:sldLayoutId id="2147483679" r:id="rId58"/>
    <p:sldLayoutId id="2147483680" r:id="rId59"/>
    <p:sldLayoutId id="2147483730" r:id="rId60"/>
    <p:sldLayoutId id="2147483729" r:id="rId61"/>
    <p:sldLayoutId id="2147483682" r:id="rId62"/>
    <p:sldLayoutId id="2147483683" r:id="rId63"/>
    <p:sldLayoutId id="2147483684" r:id="rId64"/>
    <p:sldLayoutId id="2147483685" r:id="rId65"/>
    <p:sldLayoutId id="2147483686" r:id="rId66"/>
    <p:sldLayoutId id="2147483687" r:id="rId67"/>
    <p:sldLayoutId id="2147483667" r:id="rId68"/>
    <p:sldLayoutId id="2147483688" r:id="rId69"/>
    <p:sldLayoutId id="2147483689" r:id="rId70"/>
    <p:sldLayoutId id="2147483690" r:id="rId71"/>
    <p:sldLayoutId id="2147483691" r:id="rId72"/>
    <p:sldLayoutId id="2147483692" r:id="rId73"/>
    <p:sldLayoutId id="2147483699" r:id="rId74"/>
    <p:sldLayoutId id="2147483693" r:id="rId75"/>
    <p:sldLayoutId id="2147483709" r:id="rId76"/>
    <p:sldLayoutId id="2147483710" r:id="rId7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800" b="1" kern="1200">
          <a:solidFill>
            <a:schemeClr val="tx1"/>
          </a:solidFill>
          <a:latin typeface="ABBvoice Display SemiBold" panose="020D0704020603060204" pitchFamily="34" charset="0"/>
          <a:ea typeface="+mj-ea"/>
          <a:cs typeface="ABBvoice Display SemiBold" panose="020D0704020603060204" pitchFamily="34" charset="0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9.xml"/><Relationship Id="rId6" Type="http://schemas.openxmlformats.org/officeDocument/2006/relationships/image" Target="../media/image24.png"/><Relationship Id="rId5" Type="http://schemas.openxmlformats.org/officeDocument/2006/relationships/image" Target="../media/image10.svg"/><Relationship Id="rId4" Type="http://schemas.openxmlformats.org/officeDocument/2006/relationships/image" Target="../media/image3.emf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5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0AEE418-C7B1-7442-25F8-39C9C7F0AE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3726380"/>
            <a:ext cx="10480732" cy="1167237"/>
          </a:xfrm>
        </p:spPr>
        <p:txBody>
          <a:bodyPr/>
          <a:lstStyle/>
          <a:p>
            <a:r>
              <a:rPr lang="en-US" sz="5000" dirty="0"/>
              <a:t>ABB CRACK THE COST CHALLENGE 2026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39F7511-CEE7-1C7B-23E1-EE571924A8F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200" y="5338721"/>
            <a:ext cx="11860799" cy="486000"/>
          </a:xfrm>
        </p:spPr>
        <p:txBody>
          <a:bodyPr/>
          <a:lstStyle/>
          <a:p>
            <a:r>
              <a:rPr lang="en-US" dirty="0"/>
              <a:t>Apply </a:t>
            </a:r>
            <a:r>
              <a:rPr lang="en-US"/>
              <a:t>By August </a:t>
            </a:r>
            <a:r>
              <a:rPr lang="en-US" dirty="0"/>
              <a:t>16 |  Your Company Name her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D66C31C-1A25-CF54-6026-F4B6AA08017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31201" y="3564380"/>
            <a:ext cx="8613648" cy="162000"/>
          </a:xfrm>
        </p:spPr>
        <p:txBody>
          <a:bodyPr/>
          <a:lstStyle/>
          <a:p>
            <a:endParaRPr lang="en-US"/>
          </a:p>
        </p:txBody>
      </p:sp>
      <p:sp>
        <p:nvSpPr>
          <p:cNvPr id="32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064EEEA9-6615-DA3E-E358-86EA07D77CC3}"/>
              </a:ext>
            </a:extLst>
          </p:cNvPr>
          <p:cNvSpPr txBox="1"/>
          <p:nvPr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6 ABB. All rights reserved.</a:t>
            </a:r>
          </a:p>
        </p:txBody>
      </p:sp>
      <p:sp>
        <p:nvSpPr>
          <p:cNvPr id="3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219F92BC-88FA-31F0-F831-0595D867E3B2}"/>
              </a:ext>
            </a:extLst>
          </p:cNvPr>
          <p:cNvSpPr txBox="1"/>
          <p:nvPr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20E6E58D-9E09-9077-393A-7289D2E62C26}"/>
              </a:ext>
            </a:extLst>
          </p:cNvPr>
          <p:cNvSpPr txBox="1"/>
          <p:nvPr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35" name="Classification" descr="{&quot;templafy&quot;:{&quot;id&quot;:&quot;a28be3ed-fc2d-41dd-b85e-4049d5bcc578&quot;}}">
            <a:extLst>
              <a:ext uri="{FF2B5EF4-FFF2-40B4-BE49-F238E27FC236}">
                <a16:creationId xmlns:a16="http://schemas.microsoft.com/office/drawing/2014/main" id="{1755FCA9-8E0F-D649-1263-158D9C80C74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36" name="Logo">
            <a:extLst>
              <a:ext uri="{FF2B5EF4-FFF2-40B4-BE49-F238E27FC236}">
                <a16:creationId xmlns:a16="http://schemas.microsoft.com/office/drawing/2014/main" id="{F9F0C620-DCDF-0B9B-1D9C-77036C492C63}"/>
              </a:ext>
            </a:extLst>
          </p:cNvPr>
          <p:cNvPicPr>
            <a:picLocks noChangeAspect="1"/>
          </p:cNvPicPr>
          <p:nvPr/>
        </p:nvPicPr>
        <p:blipFill>
          <a:blip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9B0769B-4B72-9073-9391-F8B2F5FA4A04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t="80911" r="46609" b="6985"/>
          <a:stretch>
            <a:fillRect/>
          </a:stretch>
        </p:blipFill>
        <p:spPr>
          <a:xfrm>
            <a:off x="-247690" y="5581721"/>
            <a:ext cx="5595270" cy="71346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21B61C-85EC-1E81-48D4-4497FCEDC3F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mpany Name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Number of Employees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untry:	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ntact person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Link to web page: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8D2200-8483-86FD-8B99-D21FD36527E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Applying for: Track Name he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23DA47-3B96-7D31-A324-A8EF6AE8494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1. </a:t>
            </a:r>
            <a:r>
              <a:rPr lang="sv-SE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General information </a:t>
            </a:r>
            <a:r>
              <a:rPr lang="sv-SE" dirty="0" err="1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about</a:t>
            </a:r>
            <a:r>
              <a:rPr lang="sv-SE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 </a:t>
            </a:r>
            <a:r>
              <a:rPr lang="sv-SE" dirty="0" err="1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your</a:t>
            </a:r>
            <a:r>
              <a:rPr lang="sv-SE" dirty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 </a:t>
            </a:r>
            <a:r>
              <a:rPr lang="sv-SE" dirty="0" err="1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company</a:t>
            </a:r>
            <a:endParaRPr lang="en-US" dirty="0">
              <a:latin typeface="Verdana" panose="020B0604030504040204" pitchFamily="34" charset="0"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5149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1E20E1-0913-51D6-524F-ADB860B4077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48F5F10-A2DD-1986-8BB9-1EA59E9E5193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On this slide, briefly introduce your technology, emphasizing its unique features, use cases, and application areas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Feel free to include any descriptive images or photos.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i="1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95E273-F636-9D4A-A648-2E224F1443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75F636-D5CB-432A-9640-4462056F147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3C18DDB-860D-C191-E15C-547A41128CD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883697-2D55-2ACD-24B8-2D9BD71BCC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C268BB7-B27C-F2C5-6381-9288D38801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2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Technology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612499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B766EF-4E7F-A44D-419F-3FAB50699D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B96A12B-8F55-9943-1566-400AFFCA984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</a:rPr>
              <a:t>Regarding this slide, please </a:t>
            </a:r>
            <a:r>
              <a:rPr lang="en-US" dirty="0">
                <a:latin typeface="Verdana" charset="0"/>
                <a:ea typeface="Verdana" charset="0"/>
                <a:cs typeface="Verdana" charset="0"/>
              </a:rPr>
              <a:t>briefly elaborate on how your technology could be a solution to ABB's challenge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You are also encouraged to include a descriptive picture or photo to enhance your explanation.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565BCC-8073-A2D4-4BF7-0960606CA9E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00374B-F5BD-320B-2891-2DC8C51A1E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6CF4FF-0076-36B8-9469-371E43D9053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60818E2-C603-723C-4078-7A5614BD515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B0D0E84-1601-549F-E86F-00D7D909AD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3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Y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solution to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hallenge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99884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76587D-7ED0-3D48-4D89-2DEE9BDE14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8A1BF06-816F-1F20-827D-B94087AFAD5A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This slide is available for any additional information you believe enhances your chances of selection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Use it to present details that don't fit into the other slides but are crucial for showcasing your strengths.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3031DAF-061D-F680-EBB9-8B26F314CF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CC3C540-FB76-4B6C-9402-B341DBE60E1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8D7E59-4580-61C0-5A8E-C798B04CDC5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July 20, 2026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1E41C80-E607-FE29-B549-F85A2C6B3C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8F8F820-691B-3C1C-2805-26879C5FC5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4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omplementar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slides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(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if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an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)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85223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ABB NEW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Chart 1">
      <a:srgbClr val="FF000F"/>
    </a:custClr>
    <a:custClr name="Chart 2">
      <a:srgbClr val="FF957E"/>
    </a:custClr>
    <a:custClr name="Chart 3">
      <a:srgbClr val="FFDCCD"/>
    </a:custClr>
    <a:custClr name="Chart 4">
      <a:srgbClr val="6764F6"/>
    </a:custClr>
    <a:custClr name="Chart 5">
      <a:srgbClr val="93A1FF"/>
    </a:custClr>
    <a:custClr name="Chart 6">
      <a:srgbClr val="E4E7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Chart 7">
      <a:srgbClr val="000000"/>
    </a:custClr>
    <a:custClr name="Chart 8">
      <a:srgbClr val="6E6E6E"/>
    </a:custClr>
    <a:custClr name="Chart 9">
      <a:srgbClr val="A9A9A9"/>
    </a:custClr>
    <a:custClr name="Chart 10">
      <a:srgbClr val="D2D2D2"/>
    </a:custClr>
    <a:custClr name="Chart 11">
      <a:srgbClr val="F0F0F0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0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 (light photo)" shape-1-name-1="Revision" shape-1-name-2="Copyright" shape-1-name-3="DocumentID" shape-1-name-4="Logo" shape-1-name-5="Classification" layout-2-name="Cover D (dark photo)" shape-2-name-1="Revision" shape-2-name-2="Copyright" shape-2-name-3="DocumentID" shape-2-name-4="Logo" shape-2-name-5="Classification" layout-3-name="Cover E" shape-3-name-1="Classification" layout-4-name="Cover F" shape-4-name-1="Classification" shape-4-name-2="Logo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14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5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DQdLzyoNZGRFNCeT9+IwyHWDi0TDckr3cGNvxhi4LyEdLCD2GOSBAsmpJB7OAbAS"},{"name":"Revision","value":"npIDexmnRzOcjhpjclFbEw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1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0,"isValidatorEnabled":false,"isLocked":false,"elementsMetadata":[],"slideId":"1089809263054290945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0,"isValidatorEnabled":false,"isLocked":false,"elementsMetadata":[],"slideId":"1089809263054290946","enableDocumentContentUpdater":false,"version":"2.0"}]]></TemplafySlideTemplateConfiguration>
</file>

<file path=customXml/item4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5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1038665925682528256","enableDocumentContentUpdater":false,"version":"2.0"}]]></TemplafySlideTemplateConfiguration>
</file>

<file path=customXml/item8.xml><?xml version="1.0" encoding="utf-8"?>
<TemplafyTemplateConfiguration><![CDATA[{"elementsMetadata":[{"type":"shape","id":"6325b20f-bd70-4691-ba75-2114ff414d3f","elementConfiguration":{"binding":"{{FormatDateTime(Form.PreparedDate, \"MMMM d, yyyy\")}}","visibility":"","type":"text","disableUpdates":false}},{"type":"shape","id":"98add2e7-b44b-4b78-a5be-82418480270d","elementConfiguration":{"width":"4.25 cm","height":"0.7 cm","image":"{{Form.SecurityLevel.Classification}}","type":"image","disableUpdates":false}},{"type":"shape","id":"f53e9e96-a2af-4c04-a977-4781537d9b4a","elementConfiguration":{"width":"4.25 cm","height":"0.7 cm","image":"{{Form.SecurityLevel.Classification}}","type":"image","disableUpdates":false}},{"type":"shape","id":"a28be3ed-fc2d-41dd-b85e-4049d5bcc578","elementConfiguration":{"width":"4.25 cm","height":"0.7 cm","image":"{{Form.SecurityLevel.Classification}}","type":"image","disableUpdates":false}},{"type":"shape","id":"c5357a13-7645-488b-b696-5bfad93946b4","elementConfiguration":{"width":"4.25 cm","height":"0.7 cm","image":"{{Form.SecurityLevel.Classification}}","type":"image","disableUpdates":false}},{"type":"shape","id":"51a7990e-0617-47e1-bdc3-c01c434f8e7d","elementConfiguration":{"width":"4.25 cm","height":"0.7 cm","image":"{{Form.SecurityLevel.Classification}}","type":"image","disableUpdates":false}},{"type":"shape","id":"f9b957dd-4e8c-4632-98d7-ed1d09f1e6b0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Official PowerPoint Template (EtO)","templateDescription":"Released: 31st Oct. 2024. Updated: 21 July 2025. What's new: 2 new layouts added - \"Picture & content B\" and \"Picture & content C\"","enableDocumentContentUpdater":true,"version":"2.0"}]]></TemplafyTemplateConfiguration>
</file>

<file path=customXml/item9.xml><?xml version="1.0" encoding="utf-8"?>
<TemplafySlideTemplateConfiguration><![CDATA[{"slideVersion":10,"isValidatorEnabled":false,"isLocked":false,"elementsMetadata":[{"type":"shape","elementConfiguration":{"width":"4.25 cm","height":"0.7 cm","image":"{{Form.SecurityLevel.Classification}}","type":"image","disableUpdates":false}}],"slideId":"108980926305429094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0F5C750-582F-46BB-A4BF-CBC0EFE7CA78}">
  <ds:schemaRefs/>
</ds:datastoreItem>
</file>

<file path=customXml/itemProps10.xml><?xml version="1.0" encoding="utf-8"?>
<ds:datastoreItem xmlns:ds="http://schemas.openxmlformats.org/officeDocument/2006/customXml" ds:itemID="{CBD49BE9-AA4C-514A-8FED-7FDD8E8BEBBF}">
  <ds:schemaRefs/>
</ds:datastoreItem>
</file>

<file path=customXml/itemProps11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55E46940-6434-4A2E-97B3-DE85BC1783F5}">
  <ds:schemaRefs/>
</ds:datastoreItem>
</file>

<file path=customXml/itemProps13.xml><?xml version="1.0" encoding="utf-8"?>
<ds:datastoreItem xmlns:ds="http://schemas.openxmlformats.org/officeDocument/2006/customXml" ds:itemID="{3701DADA-2F68-45DF-8F02-C8ED25A02974}">
  <ds:schemaRefs/>
</ds:datastoreItem>
</file>

<file path=customXml/itemProps14.xml><?xml version="1.0" encoding="utf-8"?>
<ds:datastoreItem xmlns:ds="http://schemas.openxmlformats.org/officeDocument/2006/customXml" ds:itemID="{4FEB63B8-2A2E-A64E-8872-A82F1245B31E}">
  <ds:schemaRefs/>
</ds:datastoreItem>
</file>

<file path=customXml/itemProps15.xml><?xml version="1.0" encoding="utf-8"?>
<ds:datastoreItem xmlns:ds="http://schemas.openxmlformats.org/officeDocument/2006/customXml" ds:itemID="{88746BAB-2507-4F3A-B16E-ED38367EE530}">
  <ds:schemaRefs/>
</ds:datastoreItem>
</file>

<file path=customXml/itemProps16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17.xml><?xml version="1.0" encoding="utf-8"?>
<ds:datastoreItem xmlns:ds="http://schemas.openxmlformats.org/officeDocument/2006/customXml" ds:itemID="{F7A209E6-81E2-4440-B270-27D1580EE090}">
  <ds:schemaRefs/>
</ds:datastoreItem>
</file>

<file path=customXml/itemProps18.xml><?xml version="1.0" encoding="utf-8"?>
<ds:datastoreItem xmlns:ds="http://schemas.openxmlformats.org/officeDocument/2006/customXml" ds:itemID="{4A44F979-8A7B-844F-9E44-08D1F1AF09C5}">
  <ds:schemaRefs/>
</ds:datastoreItem>
</file>

<file path=customXml/itemProps19.xml><?xml version="1.0" encoding="utf-8"?>
<ds:datastoreItem xmlns:ds="http://schemas.openxmlformats.org/officeDocument/2006/customXml" ds:itemID="{8265113A-9CF8-4F3C-A204-F97A907EC37F}">
  <ds:schemaRefs/>
</ds:datastoreItem>
</file>

<file path=customXml/itemProps2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20.xml><?xml version="1.0" encoding="utf-8"?>
<ds:datastoreItem xmlns:ds="http://schemas.openxmlformats.org/officeDocument/2006/customXml" ds:itemID="{7602D30A-B5A1-A945-985B-BBC5AB4B9C9C}">
  <ds:schemaRefs/>
</ds:datastoreItem>
</file>

<file path=customXml/itemProps21.xml><?xml version="1.0" encoding="utf-8"?>
<ds:datastoreItem xmlns:ds="http://schemas.openxmlformats.org/officeDocument/2006/customXml" ds:itemID="{E637BF07-A80A-014B-B7EB-AA6D50047DD6}">
  <ds:schemaRefs/>
</ds:datastoreItem>
</file>

<file path=customXml/itemProps3.xml><?xml version="1.0" encoding="utf-8"?>
<ds:datastoreItem xmlns:ds="http://schemas.openxmlformats.org/officeDocument/2006/customXml" ds:itemID="{DD3C33AD-792D-4526-B706-A09FEA4C6707}">
  <ds:schemaRefs/>
</ds:datastoreItem>
</file>

<file path=customXml/itemProps4.xml><?xml version="1.0" encoding="utf-8"?>
<ds:datastoreItem xmlns:ds="http://schemas.openxmlformats.org/officeDocument/2006/customXml" ds:itemID="{F2779AB8-2647-436C-AF18-1B8D165BD73F}">
  <ds:schemaRefs/>
</ds:datastoreItem>
</file>

<file path=customXml/itemProps5.xml><?xml version="1.0" encoding="utf-8"?>
<ds:datastoreItem xmlns:ds="http://schemas.openxmlformats.org/officeDocument/2006/customXml" ds:itemID="{3ECD800E-71F1-48A7-95FD-4E027165EBAE}">
  <ds:schemaRefs/>
</ds:datastoreItem>
</file>

<file path=customXml/itemProps6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0C296D4C-9C70-45D9-BD3A-7D3BE57C13F9}">
  <ds:schemaRefs/>
</ds:datastoreItem>
</file>

<file path=customXml/itemProps8.xml><?xml version="1.0" encoding="utf-8"?>
<ds:datastoreItem xmlns:ds="http://schemas.openxmlformats.org/officeDocument/2006/customXml" ds:itemID="{D2280EEE-F7B5-4B82-8B3F-6C5291CE43BF}">
  <ds:schemaRefs/>
</ds:datastoreItem>
</file>

<file path=customXml/itemProps9.xml><?xml version="1.0" encoding="utf-8"?>
<ds:datastoreItem xmlns:ds="http://schemas.openxmlformats.org/officeDocument/2006/customXml" ds:itemID="{583016FA-8CF4-49F0-B3A3-2E0DED7C71BA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76685</TotalTime>
  <Words>285</Words>
  <Application>Microsoft Macintosh PowerPoint</Application>
  <PresentationFormat>Widescreen</PresentationFormat>
  <Paragraphs>31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2" baseType="lpstr">
      <vt:lpstr>ABBvoice</vt:lpstr>
      <vt:lpstr>Arial</vt:lpstr>
      <vt:lpstr>ABBvoice Display SemiBold</vt:lpstr>
      <vt:lpstr>Verdana</vt:lpstr>
      <vt:lpstr>ABBvoice Light</vt:lpstr>
      <vt:lpstr>ABB Master</vt:lpstr>
      <vt:lpstr>ABB CRACK THE COST CHALLENGE 2026</vt:lpstr>
      <vt:lpstr>1. General information about your company</vt:lpstr>
      <vt:lpstr>2. Technology</vt:lpstr>
      <vt:lpstr>3. Your solution to our challenge</vt:lpstr>
      <vt:lpstr>4. Complementary slides (if any)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tartup Challenge 2026 Presentation</dc:title>
  <dc:creator>ABB</dc:creator>
  <cp:lastModifiedBy>Mathias Winbladh</cp:lastModifiedBy>
  <cp:revision>93</cp:revision>
  <dcterms:created xsi:type="dcterms:W3CDTF">2025-11-20T15:58:52Z</dcterms:created>
  <dcterms:modified xsi:type="dcterms:W3CDTF">2026-07-20T03:02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5-07-21T09:38:52</vt:lpwstr>
  </property>
  <property fmtid="{D5CDD505-2E9C-101B-9397-08002B2CF9AE}" pid="7" name="TemplafyTenantId">
    <vt:lpwstr>abb</vt:lpwstr>
  </property>
  <property fmtid="{D5CDD505-2E9C-101B-9397-08002B2CF9AE}" pid="8" name="TemplafyTemplateId">
    <vt:lpwstr>1038632683390894890</vt:lpwstr>
  </property>
  <property fmtid="{D5CDD505-2E9C-101B-9397-08002B2CF9AE}" pid="9" name="TemplafyUserProfileId">
    <vt:lpwstr>637886491626005175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false</vt:bool>
  </property>
</Properties>
</file>